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7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沿岸漁業改善資金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-</t>
  </si>
  <si>
    <t>有形固定資産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9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45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 t="s">
        <v>13</v>
      </c>
      <c r="V13" s="38"/>
    </row>
    <row r="14" spans="1:24" s="32" customFormat="1" ht="12" customHeight="1" x14ac:dyDescent="0.2">
      <c r="A14" s="26"/>
      <c r="B14" s="33"/>
      <c r="C14" s="34"/>
      <c r="D14" s="34" t="s">
        <v>14</v>
      </c>
      <c r="E14" s="34"/>
      <c r="F14" s="34"/>
      <c r="G14" s="34"/>
      <c r="H14" s="34"/>
      <c r="I14" s="34"/>
      <c r="J14" s="35" t="s">
        <v>13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 t="s">
        <v>13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3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 t="s">
        <v>13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3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3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3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3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3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3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3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3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3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3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3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3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3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3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3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 t="s">
        <v>13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3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 t="s">
        <v>13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3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 t="s">
        <v>13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3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3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3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3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3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3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3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3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3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3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3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3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3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3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3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 t="s">
        <v>13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64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3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>
        <v>167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3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3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3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3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3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3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3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3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3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3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>
        <v>45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3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3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3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3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3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 t="s">
        <v>13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>
        <v>45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 t="s">
        <v>13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 t="s">
        <v>13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3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3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>
        <v>186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>
        <v>167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3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>
        <v>19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3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3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3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3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3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>
        <v>231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231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231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0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>
        <v>0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>
        <v>0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 t="s">
        <v>13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 t="s">
        <v>13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 t="s">
        <v>13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>
        <v>0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>
        <v>0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3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3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3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 t="s">
        <v>13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 t="s">
        <v>13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 t="s">
        <v>13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 t="s">
        <v>13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 t="s">
        <v>13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 t="s">
        <v>13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 t="s">
        <v>13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3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3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 t="s">
        <v>13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3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0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3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0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0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3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3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3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3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3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3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3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0</v>
      </c>
      <c r="K49" s="89"/>
      <c r="L49" s="90">
        <v>0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>
        <v>0</v>
      </c>
      <c r="K50" s="91"/>
      <c r="L50" s="37">
        <v>0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>
        <v>0</v>
      </c>
      <c r="K51" s="91"/>
      <c r="L51" s="37">
        <v>0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3</v>
      </c>
      <c r="K52" s="91"/>
      <c r="L52" s="37" t="s">
        <v>13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3</v>
      </c>
      <c r="K53" s="91"/>
      <c r="L53" s="37" t="s">
        <v>13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3</v>
      </c>
      <c r="K54" s="91"/>
      <c r="L54" s="37" t="s">
        <v>13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3</v>
      </c>
      <c r="K55" s="91"/>
      <c r="L55" s="37" t="s">
        <v>13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3</v>
      </c>
      <c r="K56" s="91"/>
      <c r="L56" s="37" t="s">
        <v>13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3</v>
      </c>
      <c r="K57" s="91"/>
      <c r="L57" s="37" t="s">
        <v>13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>
        <v>0</v>
      </c>
      <c r="K58" s="91"/>
      <c r="L58" s="37">
        <v>0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3</v>
      </c>
      <c r="K59" s="91"/>
      <c r="L59" s="37" t="s">
        <v>13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>
        <v>0</v>
      </c>
      <c r="K60" s="92"/>
      <c r="L60" s="84">
        <v>0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-20</v>
      </c>
      <c r="L61" s="37">
        <v>20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3</v>
      </c>
      <c r="L62" s="37" t="s">
        <v>13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3</v>
      </c>
      <c r="L63" s="37" t="s">
        <v>13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 t="s">
        <v>13</v>
      </c>
      <c r="L64" s="37" t="s">
        <v>13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>
        <v>-20</v>
      </c>
      <c r="L65" s="37">
        <v>20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3</v>
      </c>
      <c r="K66" s="94" t="s">
        <v>13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 t="s">
        <v>13</v>
      </c>
      <c r="K67" s="94" t="s">
        <v>13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3</v>
      </c>
      <c r="K68" s="91"/>
      <c r="L68" s="37" t="s">
        <v>13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0</v>
      </c>
      <c r="K69" s="96">
        <v>-20</v>
      </c>
      <c r="L69" s="84">
        <v>20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231</v>
      </c>
      <c r="K70" s="94">
        <v>84</v>
      </c>
      <c r="L70" s="37">
        <v>147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231</v>
      </c>
      <c r="K71" s="100">
        <v>64</v>
      </c>
      <c r="L71" s="54">
        <v>167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1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0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>
        <v>0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 t="s">
        <v>13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>
        <v>0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 t="s">
        <v>13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 t="s">
        <v>13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 t="s">
        <v>13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 t="s">
        <v>13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3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 t="s">
        <v>13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3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0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>
        <v>0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3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3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0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3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3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3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0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 t="s">
        <v>13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3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 t="s">
        <v>13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3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 t="s">
        <v>13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>
        <v>20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3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3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>
        <v>20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3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3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20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 t="s">
        <v>13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9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 t="s">
        <v>13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3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 t="s">
        <v>13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 t="s">
        <v>13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 t="s">
        <v>13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>
        <v>20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>
        <v>147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>
        <v>167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3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3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3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>
        <v>167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40Z</dcterms:created>
  <dcterms:modified xsi:type="dcterms:W3CDTF">2024-09-18T08:51:40Z</dcterms:modified>
</cp:coreProperties>
</file>